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kfs01\s1321\group\01_調整グループ\02_バリアフリーの街づくり\005_会議\02_バリアフリー街づくり推進県民会議\006_第20回県民会議（R3.12）\07_配布資料\"/>
    </mc:Choice>
  </mc:AlternateContent>
  <bookViews>
    <workbookView xWindow="0" yWindow="0" windowWidth="28800" windowHeight="12432"/>
  </bookViews>
  <sheets>
    <sheet name="第20回県民会議 委員報告事項" sheetId="11" r:id="rId1"/>
  </sheets>
  <definedNames>
    <definedName name="_xlnm.Print_Area" localSheetId="0">'第20回県民会議 委員報告事項'!$A$1:$F$22</definedName>
    <definedName name="_xlnm.Print_Titles" localSheetId="0">'第20回県民会議 委員報告事項'!$3:$3</definedName>
  </definedNames>
  <calcPr calcId="152511"/>
</workbook>
</file>

<file path=xl/sharedStrings.xml><?xml version="1.0" encoding="utf-8"?>
<sst xmlns="http://schemas.openxmlformats.org/spreadsheetml/2006/main" count="79" uniqueCount="69">
  <si>
    <t>№</t>
    <phoneticPr fontId="4"/>
  </si>
  <si>
    <t>委員氏名</t>
    <rPh sb="0" eb="2">
      <t>イイン</t>
    </rPh>
    <rPh sb="2" eb="4">
      <t>シメイ</t>
    </rPh>
    <phoneticPr fontId="4"/>
  </si>
  <si>
    <t>太田　真理子</t>
    <rPh sb="0" eb="2">
      <t>オオタ</t>
    </rPh>
    <rPh sb="3" eb="6">
      <t>マリコ</t>
    </rPh>
    <phoneticPr fontId="10"/>
  </si>
  <si>
    <t>大原　一興</t>
    <rPh sb="0" eb="1">
      <t>ダイ</t>
    </rPh>
    <rPh sb="1" eb="2">
      <t>ハラ</t>
    </rPh>
    <rPh sb="3" eb="4">
      <t>イチ</t>
    </rPh>
    <rPh sb="4" eb="5">
      <t>オキ</t>
    </rPh>
    <phoneticPr fontId="10"/>
  </si>
  <si>
    <t>大部　さつき</t>
    <rPh sb="0" eb="1">
      <t>オオ</t>
    </rPh>
    <phoneticPr fontId="10"/>
  </si>
  <si>
    <t>小堤　健司</t>
    <phoneticPr fontId="10"/>
  </si>
  <si>
    <t>加藤　紳一</t>
    <rPh sb="0" eb="2">
      <t>カトウ</t>
    </rPh>
    <rPh sb="3" eb="5">
      <t>シンイチ</t>
    </rPh>
    <phoneticPr fontId="10"/>
  </si>
  <si>
    <t>下田　栄次</t>
    <rPh sb="0" eb="2">
      <t>シモダ</t>
    </rPh>
    <rPh sb="3" eb="4">
      <t>サカエ</t>
    </rPh>
    <rPh sb="4" eb="5">
      <t>ツギ</t>
    </rPh>
    <phoneticPr fontId="10"/>
  </si>
  <si>
    <t>関根　千佳</t>
    <rPh sb="0" eb="2">
      <t>セキネ</t>
    </rPh>
    <rPh sb="3" eb="5">
      <t>チカ</t>
    </rPh>
    <phoneticPr fontId="10"/>
  </si>
  <si>
    <t>塚田　操六</t>
    <rPh sb="0" eb="2">
      <t>ツカダ</t>
    </rPh>
    <rPh sb="3" eb="5">
      <t>ソウロク</t>
    </rPh>
    <phoneticPr fontId="10"/>
  </si>
  <si>
    <t>中野　泰志</t>
    <rPh sb="0" eb="2">
      <t>ナカノ</t>
    </rPh>
    <rPh sb="3" eb="5">
      <t>ヤスシ</t>
    </rPh>
    <phoneticPr fontId="10"/>
  </si>
  <si>
    <t>西尾　佳章</t>
    <rPh sb="0" eb="2">
      <t>ニシオ</t>
    </rPh>
    <rPh sb="3" eb="5">
      <t>ヨシアキ</t>
    </rPh>
    <phoneticPr fontId="10"/>
  </si>
  <si>
    <t>藤原　早苗</t>
    <rPh sb="0" eb="2">
      <t>フジワラ</t>
    </rPh>
    <rPh sb="3" eb="5">
      <t>サナエ</t>
    </rPh>
    <phoneticPr fontId="10"/>
  </si>
  <si>
    <t>三上　弘良</t>
    <rPh sb="0" eb="2">
      <t>ミカミ</t>
    </rPh>
    <rPh sb="3" eb="4">
      <t>ヒロシ</t>
    </rPh>
    <rPh sb="4" eb="5">
      <t>リョウ</t>
    </rPh>
    <phoneticPr fontId="10"/>
  </si>
  <si>
    <t>宮本　英子</t>
    <rPh sb="0" eb="2">
      <t>ミヤモト</t>
    </rPh>
    <rPh sb="3" eb="5">
      <t>ヒデコ</t>
    </rPh>
    <phoneticPr fontId="10"/>
  </si>
  <si>
    <t>吉富　多美</t>
    <rPh sb="0" eb="1">
      <t>キチ</t>
    </rPh>
    <rPh sb="1" eb="2">
      <t>トミ</t>
    </rPh>
    <rPh sb="3" eb="4">
      <t>タ</t>
    </rPh>
    <rPh sb="4" eb="5">
      <t>ビ</t>
    </rPh>
    <phoneticPr fontId="10"/>
  </si>
  <si>
    <t>和久井　真糸</t>
    <rPh sb="0" eb="3">
      <t>ワクイ</t>
    </rPh>
    <rPh sb="4" eb="5">
      <t>マ</t>
    </rPh>
    <rPh sb="5" eb="6">
      <t>イト</t>
    </rPh>
    <phoneticPr fontId="10"/>
  </si>
  <si>
    <t>所属等</t>
    <rPh sb="0" eb="2">
      <t>ショゾク</t>
    </rPh>
    <rPh sb="2" eb="3">
      <t>トウ</t>
    </rPh>
    <phoneticPr fontId="1"/>
  </si>
  <si>
    <t>一般社団法人神奈川県建築士会　理事</t>
    <rPh sb="0" eb="2">
      <t>イッパン</t>
    </rPh>
    <rPh sb="2" eb="6">
      <t>シャダンホウジ</t>
    </rPh>
    <rPh sb="15" eb="17">
      <t>リジ</t>
    </rPh>
    <phoneticPr fontId="10"/>
  </si>
  <si>
    <t>横浜国立大学大学院都市イノベーション研究院　教授</t>
    <rPh sb="0" eb="2">
      <t>ヨコハマ</t>
    </rPh>
    <rPh sb="2" eb="3">
      <t>クニ</t>
    </rPh>
    <rPh sb="3" eb="4">
      <t>シリツ</t>
    </rPh>
    <rPh sb="4" eb="6">
      <t>ダイガク</t>
    </rPh>
    <rPh sb="6" eb="9">
      <t>ダイガクイン</t>
    </rPh>
    <rPh sb="9" eb="11">
      <t>トシ</t>
    </rPh>
    <rPh sb="18" eb="21">
      <t>ケンキュウイン</t>
    </rPh>
    <rPh sb="22" eb="24">
      <t>キョウジュ</t>
    </rPh>
    <phoneticPr fontId="10"/>
  </si>
  <si>
    <t>神奈川県手をつなぐ育成会　理事</t>
    <rPh sb="13" eb="15">
      <t>リジ</t>
    </rPh>
    <phoneticPr fontId="10"/>
  </si>
  <si>
    <t>一般社団法人神奈川県バス協会　常務理事</t>
    <rPh sb="0" eb="2">
      <t>イッパン</t>
    </rPh>
    <rPh sb="2" eb="4">
      <t>シャダン</t>
    </rPh>
    <rPh sb="4" eb="6">
      <t>ホウジン</t>
    </rPh>
    <rPh sb="6" eb="10">
      <t>カナガワケン</t>
    </rPh>
    <rPh sb="12" eb="14">
      <t>キョウカイ</t>
    </rPh>
    <rPh sb="15" eb="17">
      <t>ジョウム</t>
    </rPh>
    <rPh sb="17" eb="19">
      <t>リジ</t>
    </rPh>
    <phoneticPr fontId="10"/>
  </si>
  <si>
    <t>公募委員</t>
    <rPh sb="0" eb="2">
      <t>コウボ</t>
    </rPh>
    <rPh sb="2" eb="4">
      <t>イイン</t>
    </rPh>
    <phoneticPr fontId="10"/>
  </si>
  <si>
    <t>同志社大学政策学部　客員教授　株式会社ユーディット　会長　</t>
    <rPh sb="0" eb="3">
      <t>ドウシシャ</t>
    </rPh>
    <rPh sb="3" eb="5">
      <t>ダイガク</t>
    </rPh>
    <rPh sb="5" eb="7">
      <t>セイサク</t>
    </rPh>
    <rPh sb="7" eb="9">
      <t>ガクブ</t>
    </rPh>
    <rPh sb="10" eb="12">
      <t>キャクイン</t>
    </rPh>
    <rPh sb="12" eb="14">
      <t>キョウジュ</t>
    </rPh>
    <rPh sb="15" eb="19">
      <t>カブシキガイシャ</t>
    </rPh>
    <rPh sb="26" eb="28">
      <t>カイチョウ</t>
    </rPh>
    <phoneticPr fontId="10"/>
  </si>
  <si>
    <t>公益社団法人かながわ住まいまちづくり協会　専務理事</t>
    <rPh sb="0" eb="2">
      <t>コウエキ</t>
    </rPh>
    <rPh sb="2" eb="6">
      <t>シャダンホウジ</t>
    </rPh>
    <rPh sb="21" eb="23">
      <t>センム</t>
    </rPh>
    <rPh sb="23" eb="25">
      <t>リジ</t>
    </rPh>
    <phoneticPr fontId="10"/>
  </si>
  <si>
    <t>慶應義塾大学経済学部　教授</t>
    <rPh sb="0" eb="2">
      <t>ケイオウ</t>
    </rPh>
    <rPh sb="2" eb="4">
      <t>ギジュク</t>
    </rPh>
    <rPh sb="4" eb="6">
      <t>ダイガク</t>
    </rPh>
    <rPh sb="6" eb="8">
      <t>ケイザイ</t>
    </rPh>
    <rPh sb="8" eb="10">
      <t>ガクブ</t>
    </rPh>
    <rPh sb="11" eb="13">
      <t>キョウジュ</t>
    </rPh>
    <phoneticPr fontId="10"/>
  </si>
  <si>
    <t>一般社団法人日本民営鉄道協会　運輸調整部長</t>
    <phoneticPr fontId="10"/>
  </si>
  <si>
    <t>公益財団法人神奈川県聴覚障害者協会　副理事長</t>
    <rPh sb="0" eb="2">
      <t>コウエキ</t>
    </rPh>
    <rPh sb="2" eb="6">
      <t>ザイダンホウジン</t>
    </rPh>
    <phoneticPr fontId="10"/>
  </si>
  <si>
    <t>一般社団法人神奈川県タクシー協会　専務理事</t>
    <rPh sb="0" eb="2">
      <t>イッパン</t>
    </rPh>
    <rPh sb="2" eb="6">
      <t>シャダンホウジ</t>
    </rPh>
    <rPh sb="17" eb="19">
      <t>センム</t>
    </rPh>
    <rPh sb="19" eb="21">
      <t>リジ</t>
    </rPh>
    <phoneticPr fontId="10"/>
  </si>
  <si>
    <t>公益財団法人神奈川県身体障害者連合会評議員
秦野市身体障害者福祉協会　会長</t>
    <rPh sb="0" eb="2">
      <t>コウエキ</t>
    </rPh>
    <rPh sb="2" eb="4">
      <t>ザイダン</t>
    </rPh>
    <rPh sb="4" eb="6">
      <t>ホウジン</t>
    </rPh>
    <rPh sb="6" eb="10">
      <t>カナガワケン</t>
    </rPh>
    <rPh sb="10" eb="12">
      <t>シンタイ</t>
    </rPh>
    <phoneticPr fontId="10"/>
  </si>
  <si>
    <t>東日本旅客鉄道株式会社横浜支社　総務部企画室副課長</t>
    <rPh sb="7" eb="9">
      <t>カブシキ</t>
    </rPh>
    <rPh sb="9" eb="11">
      <t>カイシャ</t>
    </rPh>
    <rPh sb="16" eb="18">
      <t>ソウム</t>
    </rPh>
    <rPh sb="18" eb="19">
      <t>ブ</t>
    </rPh>
    <rPh sb="19" eb="21">
      <t>キカク</t>
    </rPh>
    <rPh sb="21" eb="22">
      <t>シツ</t>
    </rPh>
    <rPh sb="22" eb="25">
      <t>フクカチョウ</t>
    </rPh>
    <phoneticPr fontId="10"/>
  </si>
  <si>
    <t>認定ＮＰＯ法人神奈川子ども未来ファンド　副理事長</t>
    <rPh sb="0" eb="2">
      <t>ニンテイ</t>
    </rPh>
    <rPh sb="5" eb="7">
      <t>ホウジン</t>
    </rPh>
    <rPh sb="7" eb="10">
      <t>カナガワ</t>
    </rPh>
    <rPh sb="10" eb="11">
      <t>コ</t>
    </rPh>
    <rPh sb="13" eb="15">
      <t>ミライ</t>
    </rPh>
    <rPh sb="20" eb="21">
      <t>フク</t>
    </rPh>
    <rPh sb="21" eb="23">
      <t>リジ</t>
    </rPh>
    <rPh sb="23" eb="24">
      <t>チョウ</t>
    </rPh>
    <phoneticPr fontId="10"/>
  </si>
  <si>
    <t>概要</t>
    <rPh sb="0" eb="2">
      <t>ガイヨウ</t>
    </rPh>
    <phoneticPr fontId="1"/>
  </si>
  <si>
    <t>団体やご自分の紹介</t>
    <rPh sb="0" eb="2">
      <t>ダンタイ</t>
    </rPh>
    <rPh sb="4" eb="6">
      <t>ジブン</t>
    </rPh>
    <rPh sb="7" eb="9">
      <t>ショウカイ</t>
    </rPh>
    <phoneticPr fontId="1"/>
  </si>
  <si>
    <t>団体やご自分の紹介</t>
    <phoneticPr fontId="1"/>
  </si>
  <si>
    <t>団体やご自分の実施している取組・PRしたいこと</t>
    <rPh sb="0" eb="2">
      <t>ダンタイ</t>
    </rPh>
    <rPh sb="4" eb="6">
      <t>ジブン</t>
    </rPh>
    <rPh sb="7" eb="9">
      <t>ジッシ</t>
    </rPh>
    <rPh sb="13" eb="15">
      <t>トリクミ</t>
    </rPh>
    <phoneticPr fontId="1"/>
  </si>
  <si>
    <t>団体やご自分の実施している取組・PRしたいこと</t>
    <phoneticPr fontId="1"/>
  </si>
  <si>
    <t>金木　健一</t>
    <rPh sb="0" eb="2">
      <t>カネキ</t>
    </rPh>
    <rPh sb="3" eb="5">
      <t>ケンイチ</t>
    </rPh>
    <phoneticPr fontId="10"/>
  </si>
  <si>
    <t>公益財団法人神奈川県生活衛生営業指導センター　
専務理事</t>
    <phoneticPr fontId="10"/>
  </si>
  <si>
    <t>〇交通バリアフリー教育の充実
・関東運輸局（神奈川運輸支局）が実施する県内の小学生を対象とした「交通バリアフリー教室」に会員バス事業者のノンステップバスを提供
・「交通バリアフリー教室」では、高齢者疑似体験や車いすを使用した介助体験等を通じ、バリアフリーについての理解、ボランティアに関する意識の醸成等「心のバリアフリー社会」の実現を図っている。</t>
    <phoneticPr fontId="1"/>
  </si>
  <si>
    <t>〇公益財団法人神奈川県生活衛生営業指導センター　
「生活衛生関係営業の運営の適正化及び振興に関する法律」(生衛法)に基づき、衛生水準の維持向上及び利用者または消費者の利益を擁護することを目的として、設立された財団法人であり、昭和57年８月１日付けで知事から指定された。
　その後平成26年３月18日付けで公益財団法人として知事から認定された。
　主な事業内容
　・生衛衛生関係営業に関する衛生施設の維持及び改善向上並びに経営の健全化についての相談及び指導
　・生活衛生関係営業に関する利用者及び消費者の苦情の処理及び当該苦情に関する営業者または生活衛生同業組合に対する指導
　・標準営業約款(営業方法または取引に関する事項)に関する営業者の登録
　・生活衛生関係営業に関する講習会等の開催
　・生衛衛生関係営業に関する情報または資料の収集及び提供</t>
    <phoneticPr fontId="1"/>
  </si>
  <si>
    <t>団体やご自分の実施している取組やPRしたいこと</t>
    <rPh sb="0" eb="2">
      <t>ダンタイ</t>
    </rPh>
    <rPh sb="4" eb="6">
      <t>ジブン</t>
    </rPh>
    <rPh sb="7" eb="9">
      <t>ジッシ</t>
    </rPh>
    <rPh sb="13" eb="15">
      <t>トリクミ</t>
    </rPh>
    <phoneticPr fontId="1"/>
  </si>
  <si>
    <t>団体やご自分の紹介/団体やご自分の実施している取組やPRしたいこと</t>
    <rPh sb="0" eb="2">
      <t>ダンタイ</t>
    </rPh>
    <rPh sb="4" eb="6">
      <t>ジブン</t>
    </rPh>
    <rPh sb="7" eb="9">
      <t>ショウカイ</t>
    </rPh>
    <rPh sb="10" eb="12">
      <t>ダンタイ</t>
    </rPh>
    <rPh sb="14" eb="16">
      <t>ジブン</t>
    </rPh>
    <rPh sb="17" eb="19">
      <t>ジッシ</t>
    </rPh>
    <rPh sb="23" eb="25">
      <t>トリクミ</t>
    </rPh>
    <phoneticPr fontId="1"/>
  </si>
  <si>
    <t>団体やご自分の紹介</t>
    <phoneticPr fontId="1"/>
  </si>
  <si>
    <t>団体やご自分の紹介</t>
    <rPh sb="0" eb="2">
      <t>ダンタイ</t>
    </rPh>
    <rPh sb="4" eb="6">
      <t>ジブン</t>
    </rPh>
    <rPh sb="7" eb="9">
      <t>ショウカイ</t>
    </rPh>
    <phoneticPr fontId="1"/>
  </si>
  <si>
    <t>　かながわ住まい街づくり協会は、神奈川県内における住まいづくり及び街づくりに関する調査研究、各種相談及び支援活動等を行うことにより、安心、安全な住まいまちづくりを推進することを目的として設立された公益団体です。
　現在は、高齢者等の住まい探しの支援、サービス付き高齢者向け住宅やセーフティネット住宅の登録の業務、リフォーム等住まいに関する相談業務など県民の住生活の維持向上を図る様々な取組を行っています。
　特に住まいのバリアフリー化については、住宅事業者が適切にバリアフリーリフォームを行えるように講習会を実施し、受講した事業者を登録して県民に情報提供しております。</t>
    <rPh sb="5" eb="6">
      <t>ス</t>
    </rPh>
    <rPh sb="8" eb="9">
      <t>マチ</t>
    </rPh>
    <rPh sb="12" eb="14">
      <t>キョウカイ</t>
    </rPh>
    <rPh sb="16" eb="19">
      <t>カナガワ</t>
    </rPh>
    <rPh sb="19" eb="21">
      <t>ケンナイ</t>
    </rPh>
    <rPh sb="25" eb="26">
      <t>ス</t>
    </rPh>
    <rPh sb="31" eb="32">
      <t>オヨ</t>
    </rPh>
    <rPh sb="33" eb="34">
      <t>マチ</t>
    </rPh>
    <rPh sb="38" eb="39">
      <t>カン</t>
    </rPh>
    <rPh sb="41" eb="43">
      <t>チョウサ</t>
    </rPh>
    <rPh sb="43" eb="45">
      <t>ケンキュウ</t>
    </rPh>
    <rPh sb="46" eb="48">
      <t>カクシュ</t>
    </rPh>
    <rPh sb="48" eb="50">
      <t>ソウダン</t>
    </rPh>
    <rPh sb="50" eb="51">
      <t>オヨ</t>
    </rPh>
    <rPh sb="52" eb="54">
      <t>シエン</t>
    </rPh>
    <rPh sb="54" eb="56">
      <t>カツドウ</t>
    </rPh>
    <rPh sb="56" eb="57">
      <t>トウ</t>
    </rPh>
    <rPh sb="58" eb="59">
      <t>オコナ</t>
    </rPh>
    <rPh sb="66" eb="68">
      <t>アンシン</t>
    </rPh>
    <rPh sb="69" eb="71">
      <t>アンゼン</t>
    </rPh>
    <rPh sb="72" eb="73">
      <t>ス</t>
    </rPh>
    <rPh sb="81" eb="83">
      <t>スイシン</t>
    </rPh>
    <rPh sb="88" eb="90">
      <t>モクテキ</t>
    </rPh>
    <rPh sb="93" eb="95">
      <t>セツリツ</t>
    </rPh>
    <rPh sb="98" eb="100">
      <t>コウエキ</t>
    </rPh>
    <rPh sb="100" eb="102">
      <t>ダンタイ</t>
    </rPh>
    <rPh sb="107" eb="109">
      <t>ゲンザイ</t>
    </rPh>
    <rPh sb="111" eb="114">
      <t>コウレイシャ</t>
    </rPh>
    <rPh sb="114" eb="115">
      <t>トウ</t>
    </rPh>
    <rPh sb="116" eb="117">
      <t>ス</t>
    </rPh>
    <rPh sb="119" eb="120">
      <t>サガ</t>
    </rPh>
    <rPh sb="122" eb="124">
      <t>シエン</t>
    </rPh>
    <rPh sb="129" eb="130">
      <t>ツ</t>
    </rPh>
    <rPh sb="131" eb="135">
      <t>コウレイシャム</t>
    </rPh>
    <rPh sb="136" eb="138">
      <t>ジュウタク</t>
    </rPh>
    <rPh sb="147" eb="149">
      <t>ジュウタク</t>
    </rPh>
    <rPh sb="150" eb="152">
      <t>トウロク</t>
    </rPh>
    <rPh sb="153" eb="155">
      <t>ギョウム</t>
    </rPh>
    <rPh sb="161" eb="162">
      <t>トウ</t>
    </rPh>
    <rPh sb="162" eb="163">
      <t>ス</t>
    </rPh>
    <rPh sb="166" eb="167">
      <t>カン</t>
    </rPh>
    <rPh sb="169" eb="171">
      <t>ソウダン</t>
    </rPh>
    <rPh sb="171" eb="173">
      <t>ギョウム</t>
    </rPh>
    <rPh sb="175" eb="177">
      <t>ケンミン</t>
    </rPh>
    <rPh sb="178" eb="181">
      <t>ジュウセイカツ</t>
    </rPh>
    <rPh sb="182" eb="184">
      <t>イジ</t>
    </rPh>
    <rPh sb="184" eb="186">
      <t>コウジョウ</t>
    </rPh>
    <rPh sb="187" eb="188">
      <t>ハカ</t>
    </rPh>
    <rPh sb="189" eb="191">
      <t>サマザマ</t>
    </rPh>
    <rPh sb="192" eb="194">
      <t>トリクミ</t>
    </rPh>
    <rPh sb="195" eb="196">
      <t>オコナ</t>
    </rPh>
    <rPh sb="204" eb="205">
      <t>トク</t>
    </rPh>
    <rPh sb="206" eb="207">
      <t>ス</t>
    </rPh>
    <rPh sb="216" eb="217">
      <t>カ</t>
    </rPh>
    <rPh sb="223" eb="225">
      <t>ジュウタク</t>
    </rPh>
    <rPh sb="225" eb="227">
      <t>ジギョウ</t>
    </rPh>
    <rPh sb="227" eb="228">
      <t>シャ</t>
    </rPh>
    <rPh sb="229" eb="231">
      <t>テキセツ</t>
    </rPh>
    <rPh sb="244" eb="245">
      <t>オコナ</t>
    </rPh>
    <rPh sb="250" eb="253">
      <t>コウシュウカイ</t>
    </rPh>
    <rPh sb="254" eb="256">
      <t>ジッシ</t>
    </rPh>
    <rPh sb="258" eb="260">
      <t>ジュコウ</t>
    </rPh>
    <rPh sb="262" eb="264">
      <t>ジギョウ</t>
    </rPh>
    <rPh sb="264" eb="265">
      <t>シャ</t>
    </rPh>
    <rPh sb="266" eb="268">
      <t>トウロク</t>
    </rPh>
    <rPh sb="270" eb="272">
      <t>ケンミン</t>
    </rPh>
    <rPh sb="273" eb="275">
      <t>ジョウホウ</t>
    </rPh>
    <rPh sb="275" eb="277">
      <t>テイキョウ</t>
    </rPh>
    <phoneticPr fontId="1"/>
  </si>
  <si>
    <t>団体やご自分の実施している取組やPRしたいこと</t>
    <phoneticPr fontId="1"/>
  </si>
  <si>
    <t>ＮＰＯ法人神奈川県障害者自立生活支援センター　ピア・カウンセラー</t>
    <rPh sb="3" eb="5">
      <t>ホウジン</t>
    </rPh>
    <rPh sb="5" eb="9">
      <t>カナガワケン</t>
    </rPh>
    <rPh sb="9" eb="12">
      <t>ショウガイシャ</t>
    </rPh>
    <rPh sb="12" eb="14">
      <t>ジリツ</t>
    </rPh>
    <rPh sb="14" eb="16">
      <t>セイカツ</t>
    </rPh>
    <rPh sb="16" eb="18">
      <t>シエン</t>
    </rPh>
    <phoneticPr fontId="10"/>
  </si>
  <si>
    <t>猿渡　達明</t>
    <rPh sb="0" eb="2">
      <t>サルワタリ</t>
    </rPh>
    <rPh sb="3" eb="5">
      <t>タツアキ</t>
    </rPh>
    <phoneticPr fontId="1"/>
  </si>
  <si>
    <t>バリアフリー施策との関わりについて</t>
    <rPh sb="6" eb="8">
      <t>セサク</t>
    </rPh>
    <rPh sb="10" eb="11">
      <t>カカ</t>
    </rPh>
    <phoneticPr fontId="1"/>
  </si>
  <si>
    <t>団体やご自分の紹介</t>
    <phoneticPr fontId="1"/>
  </si>
  <si>
    <t xml:space="preserve">【団体について】
当会の活動は、障害者の自立生活の様々な支援をとおして、当事者の立場でともに考える活動をしています。
ピア・カウンセリングによる相談事業や、理解促進コーディネート事業、心のバリアフリー推進員養成研修、権利擁護研修などの事業も開催しています。
【委員について】
私は、東京都文京区にてバリアフリー推進協議会の委員や講師などをしていました。また、誰もが使える公共交通機関を求める運動の相模原実行委員会に参加したり、相模原市光が丘地区のバリアフリーチェック等への参画もしています。普段からJRへの要望や私鉄への要望、交通エコモ財団の研修においては、接遇のサポーターなどをした経験があります。
</t>
    <phoneticPr fontId="1"/>
  </si>
  <si>
    <t>団体やご自分の実施している取組やPRしたいこと</t>
    <phoneticPr fontId="1"/>
  </si>
  <si>
    <t xml:space="preserve">　公募委員の下田栄次（しもだえいじ）と申します。第5期に続き第6期もよろしくお願い致します。
　職種は、理学療法士です。職場は、横浜市戸塚区にあります湘南医療大学で教員をしております。専門は、災害リハビリテーション支援、地域防災です。東日本大震災を契機に、各地で実施してきた災害支援を通して、平時の地域課題やまちづくりの課題が災害時には顕在化し、大きな問題になってしまう事を各地で目の当たりにしてきました。
平時のまちづくりや地域づくりが防災・減災につながることを痛感し、本会議を通して、自分自身の住む地域で、持続可能性のあるまちづくりに少しでも尽力していきたいと考えております。
</t>
    <phoneticPr fontId="1"/>
  </si>
  <si>
    <t>　このところ、電子政府や電子自治体などのDXがやっと推進されてきていますが、それを障害者や高齢者に使えるものとするための、アクセシビリティ評価の依頼が増えてきています。それを担当する障害当事者も増えており、欧米に遅れること30年、ようやく始まったかという印象です。
　日本でなぜUDが進まないのかという根本原因に、教育と雇用の分離政策があるのですが、このところ特に「中途で障害を持った場合の雇用の権利を確保する」という研究を、企業の方に大学へ来ていただいて、続けています。公立小中学校のバリアフリーは今年やっと義務化されましたが、オフィスはまだ努力義務でしかないため、退職を迫られることが多く、世界の常識から40年ほど乖離しています。欧米では大学生や企業・役所の障害者比率が15％程度といわれる現在、日本では特例子会社が存在していても2.2％をクリアできない現状を、変える方策を検討しているところです。</t>
    <phoneticPr fontId="1"/>
  </si>
  <si>
    <t>・エレベーターの整備をはじめ、段差の解消に努めています。今年度は、相模線社家駅の工事着手を予定しており、お客さまに安心してご利用いただく取り組みを実施しています。
・ホームには、お客さまの転落や列車との接触などの事故防止のため、列車非常停止警報装置、転落検知マット、内方線付き点状ブロック、ホームドアといったさまざまな安全設備を整備しています。今後も国及び自治体のご協力のもと、整備を推進しホーム上のさらなる安全性向上に努めていきます。
・ホスピタリティ向上のため、社員のサービス介助士の資格取得を推進しています。
・社員による誘導案内の強化や接遇向上等のソフト対策を推進しています。お困りのお客さまに対して社員や周囲のお客さまにもご協力をお願いする「声かけ・サポート」運動や「プラットホーム事故０運動」、「やめましょう、歩きスマホ」等のキャンペーンを実施しています。</t>
    <phoneticPr fontId="1"/>
  </si>
  <si>
    <t>　団体名を「秦野市身体障害者福祉協会」と言います。
　私は会長職を担当しており、今年で５期10年目となります。当会は会員相互の親睦と自立更正に必要な援護活動を通じて、全体の福祉に貢献することを目的とし、秦野市に在住する身体障害者、手帳保持者と、準会員、ボランティア会員（賛助会員）をもって組織され、現在の会員数は370名です。
主な行事としては、歩行訓練、社会見学、啓発活動等を実施しています。また、県身連や地域の行事にも積極的に参加しています。
　近年は、会員の高齢化が進む中で、どの様に取り組むかが課題となっています。</t>
    <rPh sb="1" eb="3">
      <t>ダンタイ</t>
    </rPh>
    <rPh sb="3" eb="4">
      <t>メイ</t>
    </rPh>
    <rPh sb="6" eb="9">
      <t>ハダノシ</t>
    </rPh>
    <rPh sb="9" eb="11">
      <t>シンタイ</t>
    </rPh>
    <rPh sb="11" eb="14">
      <t>ショウガイシャ</t>
    </rPh>
    <rPh sb="14" eb="16">
      <t>フクシ</t>
    </rPh>
    <rPh sb="16" eb="18">
      <t>キョウカイ</t>
    </rPh>
    <rPh sb="20" eb="21">
      <t>イ</t>
    </rPh>
    <rPh sb="27" eb="28">
      <t>ワタシ</t>
    </rPh>
    <rPh sb="29" eb="32">
      <t>カイチョウショク</t>
    </rPh>
    <rPh sb="33" eb="35">
      <t>タントウ</t>
    </rPh>
    <rPh sb="40" eb="42">
      <t>コトシ</t>
    </rPh>
    <rPh sb="44" eb="45">
      <t>キ</t>
    </rPh>
    <rPh sb="47" eb="49">
      <t>ネンメ</t>
    </rPh>
    <rPh sb="55" eb="57">
      <t>トウカイ</t>
    </rPh>
    <rPh sb="58" eb="60">
      <t>カイイン</t>
    </rPh>
    <rPh sb="60" eb="62">
      <t>ソウゴ</t>
    </rPh>
    <rPh sb="63" eb="65">
      <t>シンボク</t>
    </rPh>
    <rPh sb="66" eb="68">
      <t>ジリツ</t>
    </rPh>
    <rPh sb="68" eb="70">
      <t>コウセイ</t>
    </rPh>
    <rPh sb="71" eb="73">
      <t>ヒツヨウ</t>
    </rPh>
    <rPh sb="74" eb="76">
      <t>エンゴ</t>
    </rPh>
    <rPh sb="76" eb="78">
      <t>カツドウ</t>
    </rPh>
    <rPh sb="79" eb="80">
      <t>ツウ</t>
    </rPh>
    <rPh sb="83" eb="85">
      <t>ゼンタイ</t>
    </rPh>
    <rPh sb="86" eb="88">
      <t>フクシ</t>
    </rPh>
    <rPh sb="89" eb="91">
      <t>コウケン</t>
    </rPh>
    <rPh sb="96" eb="98">
      <t>モクテキ</t>
    </rPh>
    <rPh sb="101" eb="104">
      <t>ハダノシ</t>
    </rPh>
    <rPh sb="105" eb="107">
      <t>ザイジュウ</t>
    </rPh>
    <rPh sb="109" eb="111">
      <t>シンタイ</t>
    </rPh>
    <phoneticPr fontId="1"/>
  </si>
  <si>
    <t xml:space="preserve">　神奈川子ども未来ファンドです。子ども・若者・子育てを支援する活動をしています。
支援の輪を広げる取組みの一環として、2016年度より貧困・虐待・いじめをテーマとする３回連続講座「子どもみらいセミナー」を開催しています。今年度も多彩なゲストとともに、コロナ禍の子どもたちの現状と支援の在り方などを考察していきます。オンライン開催です。多くの皆様のご参加をお待ちしています。
〇「子どもみらいセミナー」
■第１回 「コロナ禍で急増する貧困」
日時　2021年12月19日（日）14時～16時　
■第２回 「若年女性を取り巻く現状〜コロナ禍で孤独深める少女たち〜」
日時　2022年　1月 16日（日）14時～16時
■第３回 「いじめストップ！」
日時　2022年　2月　6日（日）14時～16時
〇12月4日、5日の両日、パシフィコ横浜にて日本子ども虐待防止学会学術集会かながわ大会が開催されます。テーマは「誰ひとり取り残さない　～思いをカタチに～」。
子どもたちを虐待の深い闇から救い出すために全国の子ども虐待防止に関わる関係者・識者たちが分野を越えて横浜に集結します。小さなSOSを聞き漏らさないように情報を共有し、連携を強化していく大会です。ハイブリッド開催となります。
〇「ピンクシャツデーin 神奈川　～いじめストップ～」開催
2022年2月を月間とし、2月最終水曜日に新都市プラザにて展示。
コロナ禍での社会不安が偏見や差別、いじめへと向かうのではないかと危惧されます。多くの企業・団体等が連携して、住みやすい地域環境を整えていきたいと思っています。
</t>
    <phoneticPr fontId="1"/>
  </si>
  <si>
    <t>〇神奈川県をつなぐ会の理事
　当団体は知的障害者等の親や支援者で構成された団体です。一人ひとりの意思が尊重され、人権が守られ障害にわたって安心して暮らしていくことができることを願って活動しており、全国手をつなぐ育成会連合会の支部であり、市町村にも各支部を置いています。
　私、大部さつきは、綾瀬市の手をつなぐ育成会の会長を18年、その間地域の公立中学校県立座間養護学校のPTA会長を歴任しました。綾瀬市の市民活動推進委員や自立支援協議会の部会長、綾瀬市社会福祉協議会の評議員、NPO法人成年後見センターのかけはしの理事として、後見業務に従事しました。
　また、綾瀬市庁舎内「ともしびショップむー」の運営や、神奈川県立綾瀬高校インクルーシブ推進校で、支援員、社会福祉士、保育士を養成する専門学校で非常勤講師をしております。</t>
    <rPh sb="1" eb="5">
      <t>カナガワケン</t>
    </rPh>
    <rPh sb="9" eb="10">
      <t>カイ</t>
    </rPh>
    <rPh sb="11" eb="13">
      <t>リジ</t>
    </rPh>
    <rPh sb="15" eb="16">
      <t>トウ</t>
    </rPh>
    <rPh sb="16" eb="18">
      <t>ダンタイ</t>
    </rPh>
    <rPh sb="19" eb="24">
      <t>チテキショウガイシャ</t>
    </rPh>
    <rPh sb="24" eb="25">
      <t>トウ</t>
    </rPh>
    <rPh sb="26" eb="27">
      <t>オヤ</t>
    </rPh>
    <rPh sb="28" eb="31">
      <t>シエンシャ</t>
    </rPh>
    <rPh sb="32" eb="34">
      <t>コウセイ</t>
    </rPh>
    <rPh sb="37" eb="39">
      <t>ダンタイ</t>
    </rPh>
    <rPh sb="42" eb="44">
      <t>ヒトリ</t>
    </rPh>
    <rPh sb="48" eb="50">
      <t>イシ</t>
    </rPh>
    <rPh sb="51" eb="53">
      <t>ソンチョウ</t>
    </rPh>
    <rPh sb="56" eb="58">
      <t>ジンケン</t>
    </rPh>
    <rPh sb="59" eb="60">
      <t>マモ</t>
    </rPh>
    <rPh sb="62" eb="64">
      <t>ショウガイ</t>
    </rPh>
    <rPh sb="69" eb="71">
      <t>アンシン</t>
    </rPh>
    <rPh sb="73" eb="74">
      <t>ク</t>
    </rPh>
    <rPh sb="88" eb="89">
      <t>ネガ</t>
    </rPh>
    <rPh sb="91" eb="93">
      <t>カツドウ</t>
    </rPh>
    <rPh sb="98" eb="100">
      <t>ゼンコク</t>
    </rPh>
    <rPh sb="100" eb="101">
      <t>テ</t>
    </rPh>
    <rPh sb="105" eb="108">
      <t>イクセイカイ</t>
    </rPh>
    <rPh sb="108" eb="111">
      <t>レンゴウカイ</t>
    </rPh>
    <rPh sb="112" eb="114">
      <t>シブ</t>
    </rPh>
    <rPh sb="118" eb="121">
      <t>シチョウソン</t>
    </rPh>
    <rPh sb="123" eb="126">
      <t>カクシブ</t>
    </rPh>
    <rPh sb="127" eb="128">
      <t>オ</t>
    </rPh>
    <rPh sb="136" eb="137">
      <t>ワタシ</t>
    </rPh>
    <rPh sb="138" eb="140">
      <t>オオベ</t>
    </rPh>
    <rPh sb="145" eb="148">
      <t>アヤセシ</t>
    </rPh>
    <rPh sb="149" eb="150">
      <t>テ</t>
    </rPh>
    <rPh sb="154" eb="157">
      <t>イクセイカイ</t>
    </rPh>
    <rPh sb="158" eb="160">
      <t>カイチョウ</t>
    </rPh>
    <rPh sb="163" eb="164">
      <t>ネン</t>
    </rPh>
    <rPh sb="167" eb="168">
      <t>アイダ</t>
    </rPh>
    <rPh sb="168" eb="170">
      <t>チイキ</t>
    </rPh>
    <rPh sb="171" eb="173">
      <t>コウリツ</t>
    </rPh>
    <rPh sb="173" eb="176">
      <t>チュウガッコウ</t>
    </rPh>
    <rPh sb="176" eb="178">
      <t>ケンリツ</t>
    </rPh>
    <rPh sb="178" eb="180">
      <t>ザマ</t>
    </rPh>
    <rPh sb="180" eb="182">
      <t>ヨウゴ</t>
    </rPh>
    <rPh sb="182" eb="184">
      <t>ガッコウ</t>
    </rPh>
    <rPh sb="188" eb="190">
      <t>カイチョウ</t>
    </rPh>
    <rPh sb="191" eb="193">
      <t>レキニン</t>
    </rPh>
    <rPh sb="198" eb="201">
      <t>アヤセシ</t>
    </rPh>
    <rPh sb="202" eb="204">
      <t>シミン</t>
    </rPh>
    <rPh sb="204" eb="206">
      <t>カツドウ</t>
    </rPh>
    <rPh sb="206" eb="208">
      <t>スイシン</t>
    </rPh>
    <rPh sb="208" eb="210">
      <t>イイン</t>
    </rPh>
    <rPh sb="211" eb="213">
      <t>ジリツ</t>
    </rPh>
    <rPh sb="213" eb="215">
      <t>シエン</t>
    </rPh>
    <rPh sb="215" eb="218">
      <t>キョウギカイ</t>
    </rPh>
    <rPh sb="219" eb="221">
      <t>ブカイ</t>
    </rPh>
    <rPh sb="221" eb="222">
      <t>チョウ</t>
    </rPh>
    <rPh sb="223" eb="226">
      <t>アヤセシ</t>
    </rPh>
    <rPh sb="226" eb="228">
      <t>シャカイ</t>
    </rPh>
    <rPh sb="228" eb="230">
      <t>フクシ</t>
    </rPh>
    <rPh sb="230" eb="233">
      <t>キョウギカイ</t>
    </rPh>
    <rPh sb="234" eb="237">
      <t>ヒョウギイン</t>
    </rPh>
    <rPh sb="241" eb="243">
      <t>ホウジン</t>
    </rPh>
    <rPh sb="243" eb="245">
      <t>セイネン</t>
    </rPh>
    <rPh sb="245" eb="247">
      <t>コウケン</t>
    </rPh>
    <rPh sb="257" eb="259">
      <t>リジ</t>
    </rPh>
    <rPh sb="263" eb="265">
      <t>コウケン</t>
    </rPh>
    <rPh sb="265" eb="267">
      <t>ギョウム</t>
    </rPh>
    <rPh sb="268" eb="270">
      <t>ジュウジ</t>
    </rPh>
    <rPh sb="280" eb="283">
      <t>アヤセシ</t>
    </rPh>
    <rPh sb="283" eb="285">
      <t>チョウシャ</t>
    </rPh>
    <rPh sb="285" eb="286">
      <t>ナイ</t>
    </rPh>
    <rPh sb="299" eb="301">
      <t>ウンエイ</t>
    </rPh>
    <rPh sb="303" eb="308">
      <t>カナガワケンリツ</t>
    </rPh>
    <rPh sb="308" eb="310">
      <t>アヤセ</t>
    </rPh>
    <rPh sb="310" eb="312">
      <t>コウコウ</t>
    </rPh>
    <rPh sb="319" eb="321">
      <t>スイシン</t>
    </rPh>
    <rPh sb="321" eb="322">
      <t>コウ</t>
    </rPh>
    <rPh sb="324" eb="326">
      <t>シエン</t>
    </rPh>
    <rPh sb="326" eb="327">
      <t>イン</t>
    </rPh>
    <rPh sb="328" eb="330">
      <t>シャカイ</t>
    </rPh>
    <rPh sb="330" eb="332">
      <t>フクシ</t>
    </rPh>
    <rPh sb="332" eb="333">
      <t>シ</t>
    </rPh>
    <rPh sb="334" eb="337">
      <t>ホイクシ</t>
    </rPh>
    <rPh sb="338" eb="340">
      <t>ヨウセイ</t>
    </rPh>
    <rPh sb="342" eb="344">
      <t>センモン</t>
    </rPh>
    <rPh sb="344" eb="346">
      <t>ガッコウ</t>
    </rPh>
    <rPh sb="347" eb="350">
      <t>ヒジョウキン</t>
    </rPh>
    <rPh sb="350" eb="352">
      <t>コウシ</t>
    </rPh>
    <phoneticPr fontId="1"/>
  </si>
  <si>
    <r>
      <t xml:space="preserve">
第20回神奈川県バリアフリー街づくり推進県民会議　第６期委員活動紹介</t>
    </r>
    <r>
      <rPr>
        <b/>
        <sz val="16"/>
        <rFont val="ＭＳ Ｐゴシック"/>
        <family val="3"/>
        <charset val="128"/>
        <scheme val="minor"/>
      </rPr>
      <t xml:space="preserve">
</t>
    </r>
    <rPh sb="1" eb="2">
      <t>ダイ</t>
    </rPh>
    <rPh sb="4" eb="5">
      <t>カイ</t>
    </rPh>
    <rPh sb="5" eb="9">
      <t>カナガワケン</t>
    </rPh>
    <rPh sb="15" eb="16">
      <t>マチ</t>
    </rPh>
    <rPh sb="19" eb="21">
      <t>スイシン</t>
    </rPh>
    <rPh sb="21" eb="23">
      <t>ケンミン</t>
    </rPh>
    <rPh sb="23" eb="25">
      <t>カイギ</t>
    </rPh>
    <rPh sb="26" eb="27">
      <t>ダイ</t>
    </rPh>
    <rPh sb="28" eb="29">
      <t>キ</t>
    </rPh>
    <rPh sb="29" eb="31">
      <t>イイン</t>
    </rPh>
    <rPh sb="31" eb="33">
      <t>カツドウ</t>
    </rPh>
    <rPh sb="33" eb="35">
      <t>ショウカイ</t>
    </rPh>
    <phoneticPr fontId="4"/>
  </si>
  <si>
    <t>―</t>
    <phoneticPr fontId="1"/>
  </si>
  <si>
    <t>活動内容</t>
    <rPh sb="0" eb="4">
      <t>カツドウナイヨウ</t>
    </rPh>
    <phoneticPr fontId="1"/>
  </si>
  <si>
    <t>※いただいた内容のみ掲載しています。（敬称略。五十音順に掲載）</t>
    <rPh sb="23" eb="26">
      <t>ゴジュウオン</t>
    </rPh>
    <rPh sb="26" eb="27">
      <t>ジュン</t>
    </rPh>
    <phoneticPr fontId="1"/>
  </si>
  <si>
    <t>タクシー協会におけるバリアフリーへの取り組みについて
１．交通バリアフリー教室開催への協力
交通バリアフリーへの理解を深めて頂くとともに、ボランティアに関する意識を醸成し、高齢者・障がい者等に対し、自然に快くサポートできる「心のバリアフリー」を目指すことを目的に、小学生を対象としたユニバーサルデザインタクシーや福祉タクシー（リフト付き）を使用した体験型のバリアフリー教室を神奈川運輸支局主催により実施。令和3年度は今後8つの小学校で開催予定。
２．ユニバーサルデザインタクシーの導入とユニバーサルドライバー研修の実施
　　・UDタクシーの導入状況（令和3年3月末現在）1,061両（全車両数の約１１％）
※今後、協会を上げた取組みとして「脱炭素社会」に向け、UDタクシーの導入を推進していく方向。
     ・ユニバーサルドライバー研修の実施
　UDタクシーの導入に伴い、乗務する運転者には、高齢者や障がい者に関する基本的な知識や技術を身につけ、安心して乗車して頂けるための研修を実施。
平成24年7月から実施し、令和3年9月末現在で3,332名のタクシー乗務員が受講済
　【研修内容】
① タクシーとバリアフリーに関する講義
② 接客・接遇に関する講義
③ 実車を使用した車いすの乗降車　など</t>
    <phoneticPr fontId="1"/>
  </si>
  <si>
    <t>団体やご自分の実施している取組・PRしたいこと</t>
    <phoneticPr fontId="1"/>
  </si>
  <si>
    <t>鈴木　孝幸</t>
    <phoneticPr fontId="1"/>
  </si>
  <si>
    <t>ＮＰＯ法人神奈川県視覚障害者福祉協会　理事長</t>
    <phoneticPr fontId="1"/>
  </si>
  <si>
    <t>　私は、1988年に国立特殊教育研究所（国立特別支援教育研究所）に勤務して以降、障害のある子供達の教育に携わってきました。特に、視覚障害や盲ろうの子供達の教育や支援活動を行ってきました。1997年に慶應義塾大学に異動した後は、障害のある大学生支援活動や国立身体障害者リハビリテーションセンター（国立障害者リハビリテーションセンター）・研究所・研究員として、障害のある福祉にもかかわってきました。
　2003年に東京大学先端科学技術研究センター・バリアフリープロジェクトに異動してからは、福祉のまちづくりや共生社会を実現するための研究・活動を展開してきました。2006年には再び、慶應義塾大学に異動し、障害学生を支援するための全国組織「全国高等教育障害学生支援協議会」（理事）、内閣官房「ユニバーサルデザイン2020関係府省連絡会議心のバリアフリー分科会」（座長）、内閣官房「ユニバーサルデザイン2020評価会議」（委員）、厚生労働省「身体障害者補助犬の訓練及び認定等のあり方検討会」（委員）、国土交通省「公共交通事業者等における接遇ガイドライン等改訂のための検討会」（座長）、文部科学省「デジタル教科書の今後の在り方等に関する検討会議」（委員）等を担当してきた。
　現在は、内閣府「障害者政策委員会専門委員」（専門委員）として第５次障害者基本計画の議論に、文部科学省「視覚障害者等の読書環境の整備の推進に係る関係者協議会」（座長）として読書バリアフリーの推進に、国土交通省「公共交通機関のバリアフリー基準等に関する検討会」（委員）としてバリアフリー法の改正等に従事している。</t>
    <phoneticPr fontId="1"/>
  </si>
  <si>
    <t>１　団体の実施している取組
　　視覚障がい者の自立と福祉の向上を目的として次のような年間事業を実施しています。
　（１）法人関係会議の開催
　　　　総会（１回）、理事会（１０回前後）、団体長会議（２回）、研修会、講演会の開催　　
　（２）部会関係会議、事業の開催
　　①女性部：総会（１回）、役員会（４回前後）、部長会議（２回）
　　　・学習会、研修会、物品販売
　　　・全国女性大会、関東ブロック大会への参加　　
　　②青年・スポーツ部：総会（１回）、運営会議（３回前後）
　　　・研修会、ピクニック、ボウリング大会、成人を祝う会
　　　・全国青年大会、関東ブロック青年大会への参加
　　　・グランドソフトボールチームによる大会への出場
　　③職業部：総会（１回）、役員会（３回前後）、弘法の湯運営会議（３回前後）
　　　・全国大会、関東ブロック大会への参加
　　　・弘法の里湯の運営
　（３）上部団体事業への協力
　（４）地域活動支援センターの設置運営
２　団体のPRしたいこと
　　県内（横浜・川崎を除く）の団体で構成している。また、横浜川崎友連絡会を通じて統一行動をとっている
３　団体が実施を検討している取組
　・読書バリアフリーに関する県内自治体調査
　・視覚障碍者の就労実態調査
　・同行援護従業者、意思疎通支援従業者の研修会の実施
　・視覚障害者とデジタルに関する研修会
４　個人の実施している取組
　　視覚障害だけにとどまらずさまざまな障害の福祉に取り組んでいる。同行援護や、意思疎通支援事業などのテキストの執　筆、音響信号機の設置増加に向けた「路上ライブ」の実施
５　個人のPRしたいこと
　　研修会の講師などをさまざまな視点から話をすることができる
６　個人が実施を検討している取組
　　１２月２５日（土）　１４時３０分：座間駅　１５時３０分：小田急相模原駅にてチャリティー路上ライブの実施</t>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2" x14ac:knownFonts="1">
    <font>
      <sz val="11"/>
      <color theme="1"/>
      <name val="ＭＳ Ｐゴシック"/>
      <family val="2"/>
      <charset val="128"/>
      <scheme val="minor"/>
    </font>
    <font>
      <sz val="6"/>
      <name val="ＭＳ Ｐゴシック"/>
      <family val="2"/>
      <charset val="128"/>
      <scheme val="minor"/>
    </font>
    <font>
      <sz val="11"/>
      <name val="ＭＳ Ｐゴシック"/>
      <family val="3"/>
      <charset val="128"/>
      <scheme val="minor"/>
    </font>
    <font>
      <sz val="11"/>
      <color theme="1"/>
      <name val="ＭＳ Ｐゴシック"/>
      <family val="2"/>
      <scheme val="minor"/>
    </font>
    <font>
      <sz val="6"/>
      <name val="ＭＳ Ｐゴシック"/>
      <family val="3"/>
      <charset val="128"/>
      <scheme val="minor"/>
    </font>
    <font>
      <sz val="16"/>
      <name val="ＭＳ Ｐゴシック"/>
      <family val="3"/>
      <charset val="128"/>
      <scheme val="minor"/>
    </font>
    <font>
      <sz val="12"/>
      <name val="ＭＳ Ｐゴシック"/>
      <family val="3"/>
      <charset val="128"/>
      <scheme val="minor"/>
    </font>
    <font>
      <b/>
      <sz val="16"/>
      <name val="ＭＳ Ｐゴシック"/>
      <family val="3"/>
      <charset val="128"/>
      <scheme val="minor"/>
    </font>
    <font>
      <b/>
      <sz val="11"/>
      <color theme="1"/>
      <name val="ＭＳ Ｐゴシック"/>
      <family val="3"/>
      <charset val="128"/>
      <scheme val="minor"/>
    </font>
    <font>
      <sz val="11"/>
      <name val="ＭＳ Ｐゴシック"/>
      <family val="3"/>
      <charset val="128"/>
    </font>
    <font>
      <sz val="6"/>
      <name val="ＭＳ Ｐゴシック"/>
      <family val="3"/>
      <charset val="128"/>
    </font>
    <font>
      <sz val="12"/>
      <color theme="1"/>
      <name val="ＭＳ Ｐゴシック"/>
      <family val="3"/>
      <charset val="128"/>
      <scheme val="minor"/>
    </font>
  </fonts>
  <fills count="3">
    <fill>
      <patternFill patternType="none"/>
    </fill>
    <fill>
      <patternFill patternType="gray125"/>
    </fill>
    <fill>
      <patternFill patternType="solid">
        <fgColor theme="8" tint="0.59999389629810485"/>
        <bgColor indexed="64"/>
      </patternFill>
    </fill>
  </fills>
  <borders count="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3">
    <xf numFmtId="0" fontId="0" fillId="0" borderId="0">
      <alignment vertical="center"/>
    </xf>
    <xf numFmtId="0" fontId="3" fillId="0" borderId="0"/>
    <xf numFmtId="0" fontId="9" fillId="0" borderId="0"/>
  </cellStyleXfs>
  <cellXfs count="34">
    <xf numFmtId="0" fontId="0" fillId="0" borderId="0" xfId="0">
      <alignment vertical="center"/>
    </xf>
    <xf numFmtId="0" fontId="2" fillId="0" borderId="0" xfId="1" applyFont="1"/>
    <xf numFmtId="0" fontId="2" fillId="0" borderId="0" xfId="1" applyFont="1" applyAlignment="1">
      <alignment horizontal="center" vertical="center"/>
    </xf>
    <xf numFmtId="0" fontId="2" fillId="0" borderId="0" xfId="1" applyFont="1" applyAlignment="1">
      <alignment horizontal="left" vertical="top" wrapText="1"/>
    </xf>
    <xf numFmtId="0" fontId="2" fillId="0" borderId="0" xfId="1" applyFont="1" applyFill="1"/>
    <xf numFmtId="0" fontId="5" fillId="0" borderId="0" xfId="0" applyFont="1" applyAlignment="1">
      <alignment horizontal="center" vertical="center" wrapText="1"/>
    </xf>
    <xf numFmtId="0" fontId="6" fillId="0" borderId="0" xfId="0" applyFont="1" applyAlignment="1">
      <alignment horizontal="right"/>
    </xf>
    <xf numFmtId="0" fontId="6" fillId="0" borderId="1" xfId="2" applyFont="1" applyFill="1" applyBorder="1" applyAlignment="1">
      <alignment vertical="center" wrapText="1" shrinkToFit="1"/>
    </xf>
    <xf numFmtId="0" fontId="6" fillId="2" borderId="1" xfId="1" applyFont="1" applyFill="1" applyBorder="1" applyAlignment="1">
      <alignment horizontal="center" vertical="center"/>
    </xf>
    <xf numFmtId="0" fontId="6" fillId="0" borderId="1" xfId="1" applyFont="1" applyFill="1" applyBorder="1" applyAlignment="1">
      <alignment vertical="top" wrapText="1"/>
    </xf>
    <xf numFmtId="0" fontId="6" fillId="0" borderId="3" xfId="1" applyFont="1" applyFill="1" applyBorder="1" applyAlignment="1">
      <alignment vertical="top" wrapText="1"/>
    </xf>
    <xf numFmtId="0" fontId="6" fillId="0" borderId="0" xfId="1" applyFont="1"/>
    <xf numFmtId="0" fontId="6" fillId="0" borderId="3" xfId="2" applyFont="1" applyFill="1" applyBorder="1" applyAlignment="1">
      <alignment horizontal="center" vertical="center" wrapText="1" shrinkToFit="1"/>
    </xf>
    <xf numFmtId="0" fontId="6" fillId="0" borderId="1" xfId="2" applyFont="1" applyFill="1" applyBorder="1" applyAlignment="1">
      <alignment horizontal="center" vertical="center" wrapText="1" shrinkToFit="1"/>
    </xf>
    <xf numFmtId="0" fontId="6" fillId="2" borderId="1" xfId="1" applyFont="1" applyFill="1" applyBorder="1" applyAlignment="1">
      <alignment horizontal="center" vertical="center" wrapText="1"/>
    </xf>
    <xf numFmtId="0" fontId="6" fillId="0" borderId="3" xfId="1" applyFont="1" applyFill="1" applyBorder="1" applyAlignment="1">
      <alignment horizontal="center" vertical="center"/>
    </xf>
    <xf numFmtId="0" fontId="6" fillId="0" borderId="1" xfId="2" applyFont="1" applyFill="1" applyBorder="1" applyAlignment="1">
      <alignment horizontal="center" vertical="center" shrinkToFit="1"/>
    </xf>
    <xf numFmtId="0" fontId="6" fillId="0" borderId="1" xfId="1" applyFont="1" applyFill="1" applyBorder="1" applyAlignment="1">
      <alignment horizontal="center" vertical="center"/>
    </xf>
    <xf numFmtId="0" fontId="6" fillId="0" borderId="1" xfId="2" applyFont="1" applyFill="1" applyBorder="1" applyAlignment="1">
      <alignment horizontal="center" vertical="distributed" shrinkToFit="1"/>
    </xf>
    <xf numFmtId="0" fontId="6" fillId="0" borderId="2" xfId="1" applyFont="1" applyFill="1" applyBorder="1" applyAlignment="1">
      <alignment horizontal="center" vertical="center"/>
    </xf>
    <xf numFmtId="0" fontId="7" fillId="0" borderId="0" xfId="0" applyFont="1" applyAlignment="1">
      <alignment horizontal="center" vertical="top" wrapText="1"/>
    </xf>
    <xf numFmtId="0" fontId="8" fillId="0" borderId="0" xfId="0" applyFont="1" applyAlignment="1">
      <alignment horizontal="center" vertical="top" wrapText="1"/>
    </xf>
    <xf numFmtId="0" fontId="6" fillId="0" borderId="2" xfId="2" applyFont="1" applyFill="1" applyBorder="1" applyAlignment="1">
      <alignment horizontal="center" vertical="center" wrapText="1" shrinkToFit="1"/>
    </xf>
    <xf numFmtId="0" fontId="6" fillId="0" borderId="3" xfId="2" applyFont="1" applyFill="1" applyBorder="1" applyAlignment="1">
      <alignment horizontal="center" vertical="center" wrapText="1" shrinkToFit="1"/>
    </xf>
    <xf numFmtId="0" fontId="6" fillId="0" borderId="2" xfId="2" applyFont="1" applyFill="1" applyBorder="1" applyAlignment="1">
      <alignment horizontal="center" vertical="center" shrinkToFit="1"/>
    </xf>
    <xf numFmtId="0" fontId="6" fillId="0" borderId="3" xfId="2" applyFont="1" applyFill="1" applyBorder="1" applyAlignment="1">
      <alignment horizontal="center" vertical="center" shrinkToFit="1"/>
    </xf>
    <xf numFmtId="0" fontId="6" fillId="0" borderId="3" xfId="2" applyFont="1" applyFill="1" applyBorder="1" applyAlignment="1">
      <alignment vertical="center" wrapText="1" shrinkToFit="1"/>
    </xf>
    <xf numFmtId="0" fontId="2" fillId="0" borderId="2" xfId="1" applyFont="1" applyFill="1" applyBorder="1" applyAlignment="1">
      <alignment horizontal="left" vertical="top" wrapText="1"/>
    </xf>
    <xf numFmtId="0" fontId="2" fillId="0" borderId="3" xfId="1" applyFont="1" applyFill="1" applyBorder="1" applyAlignment="1">
      <alignment horizontal="left" vertical="top" wrapText="1"/>
    </xf>
    <xf numFmtId="0" fontId="11" fillId="0" borderId="1" xfId="0" applyFont="1" applyBorder="1" applyAlignment="1">
      <alignment horizontal="left" vertical="top" wrapText="1"/>
    </xf>
    <xf numFmtId="0" fontId="6" fillId="0" borderId="2" xfId="1" applyFont="1" applyFill="1" applyBorder="1" applyAlignment="1">
      <alignment vertical="center"/>
    </xf>
    <xf numFmtId="0" fontId="2" fillId="0" borderId="0" xfId="1" applyFont="1" applyAlignment="1"/>
    <xf numFmtId="0" fontId="6" fillId="0" borderId="2" xfId="1" applyFont="1" applyFill="1" applyBorder="1" applyAlignment="1">
      <alignment horizontal="center" vertical="center"/>
    </xf>
    <xf numFmtId="0" fontId="6" fillId="0" borderId="3" xfId="1" applyFont="1" applyFill="1" applyBorder="1" applyAlignment="1">
      <alignment horizontal="center" vertical="center"/>
    </xf>
  </cellXfs>
  <cellStyles count="3">
    <cellStyle name="標準" xfId="0" builtinId="0"/>
    <cellStyle name="標準 2" xfId="1"/>
    <cellStyle name="標準_H12推進協議会_構成一覧_070803構成員一覧（H19・修正版）"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E22"/>
  <sheetViews>
    <sheetView tabSelected="1" view="pageBreakPreview" topLeftCell="A13" zoomScale="96" zoomScaleNormal="75" zoomScaleSheetLayoutView="96" workbookViewId="0">
      <selection activeCell="D11" sqref="D11"/>
    </sheetView>
  </sheetViews>
  <sheetFormatPr defaultColWidth="8.77734375" defaultRowHeight="14.4" x14ac:dyDescent="0.2"/>
  <cols>
    <col min="1" max="1" width="3.77734375" style="2" customWidth="1"/>
    <col min="2" max="2" width="17.44140625" style="3" customWidth="1"/>
    <col min="3" max="3" width="38.44140625" style="3" customWidth="1"/>
    <col min="4" max="4" width="17.109375" style="3" customWidth="1"/>
    <col min="5" max="5" width="130.21875" style="11" customWidth="1"/>
    <col min="6" max="6" width="1.88671875" style="1" customWidth="1"/>
    <col min="7" max="16384" width="8.77734375" style="1"/>
  </cols>
  <sheetData>
    <row r="1" spans="1:5" ht="54.6" customHeight="1" x14ac:dyDescent="0.2">
      <c r="A1" s="20" t="s">
        <v>59</v>
      </c>
      <c r="B1" s="21"/>
      <c r="C1" s="21"/>
      <c r="D1" s="21"/>
      <c r="E1" s="21"/>
    </row>
    <row r="2" spans="1:5" ht="14.4" customHeight="1" x14ac:dyDescent="0.2">
      <c r="A2" s="5"/>
      <c r="B2" s="5"/>
      <c r="C2" s="5"/>
      <c r="D2" s="5"/>
      <c r="E2" s="6" t="s">
        <v>62</v>
      </c>
    </row>
    <row r="3" spans="1:5" s="2" customFormat="1" ht="30" customHeight="1" x14ac:dyDescent="0.2">
      <c r="A3" s="8" t="s">
        <v>0</v>
      </c>
      <c r="B3" s="14" t="s">
        <v>1</v>
      </c>
      <c r="C3" s="14" t="s">
        <v>17</v>
      </c>
      <c r="D3" s="14" t="s">
        <v>61</v>
      </c>
      <c r="E3" s="8" t="s">
        <v>32</v>
      </c>
    </row>
    <row r="4" spans="1:5" ht="28.8" x14ac:dyDescent="0.2">
      <c r="A4" s="15">
        <v>1</v>
      </c>
      <c r="B4" s="16" t="s">
        <v>2</v>
      </c>
      <c r="C4" s="7" t="s">
        <v>18</v>
      </c>
      <c r="D4" s="12" t="s">
        <v>34</v>
      </c>
      <c r="E4" s="13" t="s">
        <v>60</v>
      </c>
    </row>
    <row r="5" spans="1:5" ht="28.8" x14ac:dyDescent="0.2">
      <c r="A5" s="17">
        <v>2</v>
      </c>
      <c r="B5" s="16" t="s">
        <v>3</v>
      </c>
      <c r="C5" s="7" t="s">
        <v>19</v>
      </c>
      <c r="D5" s="13" t="s">
        <v>60</v>
      </c>
      <c r="E5" s="13" t="s">
        <v>60</v>
      </c>
    </row>
    <row r="6" spans="1:5" ht="124.8" customHeight="1" x14ac:dyDescent="0.2">
      <c r="A6" s="17">
        <v>3</v>
      </c>
      <c r="B6" s="16" t="s">
        <v>4</v>
      </c>
      <c r="C6" s="7" t="s">
        <v>20</v>
      </c>
      <c r="D6" s="12" t="s">
        <v>34</v>
      </c>
      <c r="E6" s="9" t="s">
        <v>58</v>
      </c>
    </row>
    <row r="7" spans="1:5" ht="69" customHeight="1" x14ac:dyDescent="0.2">
      <c r="A7" s="17">
        <v>4</v>
      </c>
      <c r="B7" s="18" t="s">
        <v>5</v>
      </c>
      <c r="C7" s="7" t="s">
        <v>21</v>
      </c>
      <c r="D7" s="13" t="s">
        <v>35</v>
      </c>
      <c r="E7" s="29" t="s">
        <v>39</v>
      </c>
    </row>
    <row r="8" spans="1:5" s="31" customFormat="1" ht="166.8" customHeight="1" x14ac:dyDescent="0.2">
      <c r="A8" s="30">
        <v>5</v>
      </c>
      <c r="B8" s="16" t="s">
        <v>6</v>
      </c>
      <c r="C8" s="7" t="s">
        <v>38</v>
      </c>
      <c r="D8" s="26" t="s">
        <v>33</v>
      </c>
      <c r="E8" s="29" t="s">
        <v>40</v>
      </c>
    </row>
    <row r="9" spans="1:5" ht="133.19999999999999" customHeight="1" x14ac:dyDescent="0.2">
      <c r="A9" s="17">
        <v>6</v>
      </c>
      <c r="B9" s="13" t="s">
        <v>37</v>
      </c>
      <c r="C9" s="7" t="s">
        <v>30</v>
      </c>
      <c r="D9" s="13" t="s">
        <v>36</v>
      </c>
      <c r="E9" s="29" t="s">
        <v>55</v>
      </c>
    </row>
    <row r="10" spans="1:5" s="4" customFormat="1" ht="144" x14ac:dyDescent="0.2">
      <c r="A10" s="15">
        <v>7</v>
      </c>
      <c r="B10" s="16" t="s">
        <v>48</v>
      </c>
      <c r="C10" s="7" t="s">
        <v>47</v>
      </c>
      <c r="D10" s="13" t="s">
        <v>52</v>
      </c>
      <c r="E10" s="9" t="s">
        <v>51</v>
      </c>
    </row>
    <row r="11" spans="1:5" s="4" customFormat="1" ht="94.2" customHeight="1" x14ac:dyDescent="0.2">
      <c r="A11" s="17">
        <v>8</v>
      </c>
      <c r="B11" s="16" t="s">
        <v>7</v>
      </c>
      <c r="C11" s="7" t="s">
        <v>22</v>
      </c>
      <c r="D11" s="13" t="s">
        <v>43</v>
      </c>
      <c r="E11" s="9" t="s">
        <v>53</v>
      </c>
    </row>
    <row r="12" spans="1:5" s="4" customFormat="1" ht="259.8" customHeight="1" x14ac:dyDescent="0.2">
      <c r="A12" s="32">
        <v>9</v>
      </c>
      <c r="B12" s="24" t="s">
        <v>65</v>
      </c>
      <c r="C12" s="22" t="s">
        <v>66</v>
      </c>
      <c r="D12" s="22" t="s">
        <v>64</v>
      </c>
      <c r="E12" s="27" t="s">
        <v>68</v>
      </c>
    </row>
    <row r="13" spans="1:5" s="4" customFormat="1" ht="162" customHeight="1" x14ac:dyDescent="0.2">
      <c r="A13" s="33"/>
      <c r="B13" s="25"/>
      <c r="C13" s="23"/>
      <c r="D13" s="23"/>
      <c r="E13" s="28"/>
    </row>
    <row r="14" spans="1:5" ht="111" customHeight="1" x14ac:dyDescent="0.2">
      <c r="A14" s="17">
        <v>10</v>
      </c>
      <c r="B14" s="16" t="s">
        <v>8</v>
      </c>
      <c r="C14" s="7" t="s">
        <v>23</v>
      </c>
      <c r="D14" s="13" t="s">
        <v>36</v>
      </c>
      <c r="E14" s="9" t="s">
        <v>54</v>
      </c>
    </row>
    <row r="15" spans="1:5" ht="105.6" customHeight="1" x14ac:dyDescent="0.2">
      <c r="A15" s="19">
        <v>11</v>
      </c>
      <c r="B15" s="16" t="s">
        <v>9</v>
      </c>
      <c r="C15" s="7" t="s">
        <v>24</v>
      </c>
      <c r="D15" s="12" t="s">
        <v>34</v>
      </c>
      <c r="E15" s="10" t="s">
        <v>45</v>
      </c>
    </row>
    <row r="16" spans="1:5" ht="168.6" customHeight="1" x14ac:dyDescent="0.2">
      <c r="A16" s="17">
        <v>12</v>
      </c>
      <c r="B16" s="16" t="s">
        <v>10</v>
      </c>
      <c r="C16" s="7" t="s">
        <v>25</v>
      </c>
      <c r="D16" s="13" t="s">
        <v>44</v>
      </c>
      <c r="E16" s="9" t="s">
        <v>67</v>
      </c>
    </row>
    <row r="17" spans="1:5" ht="28.8" x14ac:dyDescent="0.2">
      <c r="A17" s="15">
        <v>13</v>
      </c>
      <c r="B17" s="16" t="s">
        <v>11</v>
      </c>
      <c r="C17" s="7" t="s">
        <v>26</v>
      </c>
      <c r="D17" s="12" t="s">
        <v>50</v>
      </c>
      <c r="E17" s="10" t="s">
        <v>49</v>
      </c>
    </row>
    <row r="18" spans="1:5" ht="28.8" x14ac:dyDescent="0.2">
      <c r="A18" s="17">
        <v>14</v>
      </c>
      <c r="B18" s="16" t="s">
        <v>12</v>
      </c>
      <c r="C18" s="7" t="s">
        <v>27</v>
      </c>
      <c r="D18" s="13" t="s">
        <v>60</v>
      </c>
      <c r="E18" s="13" t="s">
        <v>60</v>
      </c>
    </row>
    <row r="19" spans="1:5" ht="277.2" customHeight="1" x14ac:dyDescent="0.2">
      <c r="A19" s="17">
        <v>15</v>
      </c>
      <c r="B19" s="16" t="s">
        <v>13</v>
      </c>
      <c r="C19" s="7" t="s">
        <v>28</v>
      </c>
      <c r="D19" s="12" t="s">
        <v>41</v>
      </c>
      <c r="E19" s="10" t="s">
        <v>63</v>
      </c>
    </row>
    <row r="20" spans="1:5" ht="115.2" customHeight="1" x14ac:dyDescent="0.2">
      <c r="A20" s="17">
        <v>16</v>
      </c>
      <c r="B20" s="16" t="s">
        <v>14</v>
      </c>
      <c r="C20" s="7" t="s">
        <v>29</v>
      </c>
      <c r="D20" s="12" t="s">
        <v>42</v>
      </c>
      <c r="E20" s="10" t="s">
        <v>56</v>
      </c>
    </row>
    <row r="21" spans="1:5" s="4" customFormat="1" ht="283.8" customHeight="1" x14ac:dyDescent="0.2">
      <c r="A21" s="17">
        <v>17</v>
      </c>
      <c r="B21" s="18" t="s">
        <v>15</v>
      </c>
      <c r="C21" s="7" t="s">
        <v>31</v>
      </c>
      <c r="D21" s="12" t="s">
        <v>46</v>
      </c>
      <c r="E21" s="10" t="s">
        <v>57</v>
      </c>
    </row>
    <row r="22" spans="1:5" ht="20.399999999999999" customHeight="1" x14ac:dyDescent="0.2">
      <c r="A22" s="17">
        <v>18</v>
      </c>
      <c r="B22" s="16" t="s">
        <v>16</v>
      </c>
      <c r="C22" s="7" t="s">
        <v>22</v>
      </c>
      <c r="D22" s="13" t="s">
        <v>60</v>
      </c>
      <c r="E22" s="13" t="s">
        <v>60</v>
      </c>
    </row>
  </sheetData>
  <mergeCells count="6">
    <mergeCell ref="A1:E1"/>
    <mergeCell ref="E12:E13"/>
    <mergeCell ref="D12:D13"/>
    <mergeCell ref="B12:B13"/>
    <mergeCell ref="C12:C13"/>
    <mergeCell ref="A12:A13"/>
  </mergeCells>
  <phoneticPr fontId="1"/>
  <pageMargins left="0.70866141732283472" right="0.70866141732283472" top="0.74803149606299213" bottom="0.74803149606299213" header="0.31496062992125984" footer="0.31496062992125984"/>
  <pageSetup paperSize="9" scale="64" fitToHeight="0" orientation="landscape" r:id="rId1"/>
  <rowBreaks count="3" manualBreakCount="3">
    <brk id="10" max="5" man="1"/>
    <brk id="15" max="5" man="1"/>
    <brk id="20" max="5"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第20回県民会議 委員報告事項</vt:lpstr>
      <vt:lpstr>'第20回県民会議 委員報告事項'!Print_Area</vt:lpstr>
      <vt:lpstr>'第20回県民会議 委員報告事項'!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J-USER</dc:creator>
  <cp:lastModifiedBy>井出実里</cp:lastModifiedBy>
  <cp:lastPrinted>2021-11-25T10:50:06Z</cp:lastPrinted>
  <dcterms:created xsi:type="dcterms:W3CDTF">2018-01-06T21:28:27Z</dcterms:created>
  <dcterms:modified xsi:type="dcterms:W3CDTF">2021-11-25T10:50:09Z</dcterms:modified>
</cp:coreProperties>
</file>